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80" r:id="rId3"/>
    <p:sldId id="271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7" d="100"/>
          <a:sy n="77" d="100"/>
        </p:scale>
        <p:origin x="72" y="1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BE7478-8261-44E7-94AF-5D0154F308E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D8B2FAA-2586-45B0-98A1-F9D998FEB8C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2DBF83E-2605-4E54-8628-C4C9296B1C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3BA063-5F28-40F2-8BC7-56E2E04E6D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7070299-76F7-4E75-9C70-4EBC2EE5CF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23943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539803-FFB6-409F-92EE-1F6644F043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393557C-76B9-430A-B815-6AD308F35EC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895B32-04A7-49C7-A9EC-F9AF60FBBD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AEE77E1-7169-4462-BDA5-DB2A9D02E9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95202B-1AAE-4219-AC35-D83C5E87DC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30218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CDA8B896-0293-44AC-BF29-020595291B9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17601B4-072A-4140-918C-CFF925A36BF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9FC89DC-8A48-4108-9B0A-ADBE58D89C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470DC9-F2DA-4EC2-BCDC-EE34033750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155FCBF-1E78-4186-8F85-4D9943FBD6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50953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142621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569590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246075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967249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71613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276056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732493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05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0452A0-9068-44E9-9B64-7178815E66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FC908E0-2AB4-4D72-8FF7-A04F06E69EA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22E6D8-B09D-4CDC-BDB3-32D4E3462A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CA43D2-7E56-446A-82AE-904BC8371A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B4D179B-68D6-460E-9274-9E7FCBCD67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81391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727255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41241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313202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F44AC4-9327-40B8-82E8-0578465E9B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23F540E-AB59-4261-A946-1A69E25238B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5C2545D-EF51-409F-A7BD-27C5ADCE11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849553-97F1-4AEB-8683-C24614C71E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E95DE1-0D08-4487-B7BE-502AC50186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54321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BA34AF-A392-477C-8C69-8E3F385D82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D5EB64-CDA0-4FF5-8114-D68FE0A1316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B0D2F0B-0C20-41EB-9349-05A87A55F6D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D7D4E2E-048D-49FE-8560-4E65FDD6FD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B3C876F-6D48-4A76-A522-61D0B4B483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8A8D031-0B84-447D-9C28-0A8AE061E88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09365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534131-8751-472A-90DD-E846426CE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C13D143-1CD9-4AB4-B308-452F7B587B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143AB45-2480-4161-912E-FBBFC6245CB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AFDD7FC-9F96-466B-8C27-5A15EBE8F98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5DBFA3D-A3B8-4BE5-A1C8-00D3BEBA37D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AEDB2B3-784A-40B3-B16C-FA43779B947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343238D-A90F-44C2-AB19-B6B8177772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B81D460-82DD-4930-9721-64CEE58C51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73423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A09855-1969-4878-9FB4-964C179042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229E89-BA31-4CEF-89EE-C9415E1CB1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0D0A046-E6B1-4D70-AD90-BC1BBB3323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F3F03F2-CA7D-4ADA-A9F1-DDCFE95E3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96039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D4D46F7-9602-4891-970C-D8FEAF7D58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08BE306-50B2-40AA-A781-67A234AF86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6227854-2E45-481A-A467-0B0BF1BCA0A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164427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0E95B42-1E87-44A5-BFB3-A0DBE51F219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22FC726-86AF-4134-978F-6900A3DF352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0EC3E1-DA39-478A-BC0D-688B84148897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28BFBC2-448B-4102-B367-C6C267D3B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22AB096-7A35-4FF4-B356-CB722522C4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2731429-9CD8-4166-95E5-1ADD346AD5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183020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82DF68-7B29-46FB-A0E9-E2D1CA96C4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152EE09-962E-487D-A81D-951C353BE4A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737AFEA-292C-4678-8A82-CBE40437263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3D949D3-5864-4AF3-A792-3E0C977431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A93F3D5-C488-423F-A0D0-3CC6F489E8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8749E3A-C105-4E2C-B6EE-162A24CA3F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9581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716DD21-3506-4F7F-9FB8-B4BD079CFF3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E447E3C-0C0E-41D6-A754-B863DAEDF3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FD6C5FE-BBA4-481E-B9C7-62721738F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28AEA6-841F-49D9-B8C7-8F38D338E9D0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DDF0F7F-007F-4D75-8599-9F46D88B85C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B373D0-60C7-4A1A-A34D-13DF423CBCB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487A81-B151-4F81-94B6-814949C62B8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20486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FEFEFE"/>
            </a:gs>
            <a:gs pos="100000">
              <a:srgbClr val="F7F7F7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0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29153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image" Target="../media/image3.png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51375618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2" name="OTLSHAPE_SL_21dbf422f651456ab33ddeae16b9647b_BackgroundRectangle">
            <a:extLst>
              <a:ext uri="{FF2B5EF4-FFF2-40B4-BE49-F238E27FC236}">
                <a16:creationId xmlns:a16="http://schemas.microsoft.com/office/drawing/2014/main" id="{2A19B755-FF40-4FF5-97B2-5064DCD47234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352460"/>
            <a:ext cx="11290300" cy="780415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25" name="OTLSHAPE_SL_86b53c4beea349eaa0ae175638487e7b_BackgroundRectangle">
            <a:extLst>
              <a:ext uri="{FF2B5EF4-FFF2-40B4-BE49-F238E27FC236}">
                <a16:creationId xmlns:a16="http://schemas.microsoft.com/office/drawing/2014/main" id="{394A87A6-0A16-49F0-9ED8-1E5576A8B17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196375"/>
            <a:ext cx="11290300" cy="935228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8" name="OTLSHAPE_SL_85b48b502cdd4fb0ae3c6d9bb179ed93_BackgroundRectangle">
            <a:extLst>
              <a:ext uri="{FF2B5EF4-FFF2-40B4-BE49-F238E27FC236}">
                <a16:creationId xmlns:a16="http://schemas.microsoft.com/office/drawing/2014/main" id="{B2C9961C-7C05-45C8-9D3D-9248D6358AD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195103"/>
            <a:ext cx="11290300" cy="935228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2A_636c4497b09e47bdbfd9da70fa4e6dde_BackgroundRectangle" hidden="1">
            <a:extLst>
              <a:ext uri="{FF2B5EF4-FFF2-40B4-BE49-F238E27FC236}">
                <a16:creationId xmlns:a16="http://schemas.microsoft.com/office/drawing/2014/main" id="{CA9D3244-A928-4051-787D-C1D4737D509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25465" y="2352460"/>
            <a:ext cx="10134600" cy="78041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2A_b62d9951f3bd4fadade481473a6b1409_BackgroundRectangle" hidden="1">
            <a:extLst>
              <a:ext uri="{FF2B5EF4-FFF2-40B4-BE49-F238E27FC236}">
                <a16:creationId xmlns:a16="http://schemas.microsoft.com/office/drawing/2014/main" id="{65FB83DA-9B41-59C6-9B78-0A7B028F6B1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25465" y="3196375"/>
            <a:ext cx="10134600" cy="93522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2A_43ed6ce830ee48a0a326290de680263d_BackgroundRectangle" hidden="1">
            <a:extLst>
              <a:ext uri="{FF2B5EF4-FFF2-40B4-BE49-F238E27FC236}">
                <a16:creationId xmlns:a16="http://schemas.microsoft.com/office/drawing/2014/main" id="{E943B779-C163-ECEE-4ABD-0D29ACB0E9F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225465" y="4195103"/>
            <a:ext cx="10134600" cy="935228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TB_00000000000000000000000000000000_LeftEndCaps" hidden="1">
            <a:extLst>
              <a:ext uri="{FF2B5EF4-FFF2-40B4-BE49-F238E27FC236}">
                <a16:creationId xmlns:a16="http://schemas.microsoft.com/office/drawing/2014/main" id="{B71FF349-D728-8AC1-8B4D-AF46EB1A8F3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24" name="OTLSHAPE_TB_00000000000000000000000000000000_RightEndCaps" hidden="1">
            <a:extLst>
              <a:ext uri="{FF2B5EF4-FFF2-40B4-BE49-F238E27FC236}">
                <a16:creationId xmlns:a16="http://schemas.microsoft.com/office/drawing/2014/main" id="{6629B277-5535-6611-6EC5-4133180E0D6A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9</a:t>
            </a:r>
          </a:p>
        </p:txBody>
      </p:sp>
      <p:cxnSp>
        <p:nvCxnSpPr>
          <p:cNvPr id="280" name="OTLSHAPE_M_dc5868735e9946c499034c6274610b1a_Connector1">
            <a:extLst>
              <a:ext uri="{FF2B5EF4-FFF2-40B4-BE49-F238E27FC236}">
                <a16:creationId xmlns:a16="http://schemas.microsoft.com/office/drawing/2014/main" id="{E3CDF1D3-47A7-5CA1-4FD5-5A2FA9C2A1DE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1000987" y="958356"/>
            <a:ext cx="0" cy="873404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1" name="OTLSHAPE_M_08721161bdd745e8b55f0ac1b1ce9078_Connector1">
            <a:extLst>
              <a:ext uri="{FF2B5EF4-FFF2-40B4-BE49-F238E27FC236}">
                <a16:creationId xmlns:a16="http://schemas.microsoft.com/office/drawing/2014/main" id="{AB5F1330-1055-52F0-9BA0-0D06620181DF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020287" y="1560482"/>
            <a:ext cx="0" cy="271279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M_298c15a342464236a966585e8106cfd1_Connector1">
            <a:extLst>
              <a:ext uri="{FF2B5EF4-FFF2-40B4-BE49-F238E27FC236}">
                <a16:creationId xmlns:a16="http://schemas.microsoft.com/office/drawing/2014/main" id="{5538345C-F318-0871-E98D-2415AB960F0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8789487" y="1208398"/>
            <a:ext cx="0" cy="623362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FD8A838-DB8D-45DB-A8C1-9BDC81F6B7A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352465" y="1895260"/>
            <a:ext cx="10007600" cy="254000"/>
          </a:xfrm>
          <a:prstGeom prst="roundRect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3" name="OTLSHAPE_SL_21dbf422f651456ab33ddeae16b9647b_HeaderRectangle">
            <a:extLst>
              <a:ext uri="{FF2B5EF4-FFF2-40B4-BE49-F238E27FC236}">
                <a16:creationId xmlns:a16="http://schemas.microsoft.com/office/drawing/2014/main" id="{B4A85341-F63B-4351-A39E-64BA5EE0888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352460"/>
            <a:ext cx="1168400" cy="78041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_86b53c4beea349eaa0ae175638487e7b_HeaderRectangle">
            <a:extLst>
              <a:ext uri="{FF2B5EF4-FFF2-40B4-BE49-F238E27FC236}">
                <a16:creationId xmlns:a16="http://schemas.microsoft.com/office/drawing/2014/main" id="{789A278A-134A-4C0E-889F-3D3BDDB5357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196375"/>
            <a:ext cx="1168400" cy="935228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_85b48b502cdd4fb0ae3c6d9bb179ed93_HeaderRectangle">
            <a:extLst>
              <a:ext uri="{FF2B5EF4-FFF2-40B4-BE49-F238E27FC236}">
                <a16:creationId xmlns:a16="http://schemas.microsoft.com/office/drawing/2014/main" id="{400F0028-F376-4EE8-B858-02E645021B7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4195103"/>
            <a:ext cx="1168400" cy="935228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636c4497b09e47bdbfd9da70fa4e6dde_HeaderRectangle" hidden="1">
            <a:extLst>
              <a:ext uri="{FF2B5EF4-FFF2-40B4-BE49-F238E27FC236}">
                <a16:creationId xmlns:a16="http://schemas.microsoft.com/office/drawing/2014/main" id="{BF0C8230-EABB-E8A0-4C3A-4FFDD577A6E0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25465" y="2352460"/>
            <a:ext cx="0" cy="0"/>
          </a:xfrm>
          <a:prstGeom prst="rect">
            <a:avLst/>
          </a:prstGeom>
          <a:solidFill>
            <a:schemeClr val="accent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2A_b62d9951f3bd4fadade481473a6b1409_HeaderRectangle" hidden="1">
            <a:extLst>
              <a:ext uri="{FF2B5EF4-FFF2-40B4-BE49-F238E27FC236}">
                <a16:creationId xmlns:a16="http://schemas.microsoft.com/office/drawing/2014/main" id="{DF29665A-3F9A-5DE2-59F8-AC63FEA0972A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25465" y="3196375"/>
            <a:ext cx="0" cy="0"/>
          </a:xfrm>
          <a:prstGeom prst="rect">
            <a:avLst/>
          </a:prstGeom>
          <a:solidFill>
            <a:schemeClr val="accent2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2A_43ed6ce830ee48a0a326290de680263d_HeaderRectangle" hidden="1">
            <a:extLst>
              <a:ext uri="{FF2B5EF4-FFF2-40B4-BE49-F238E27FC236}">
                <a16:creationId xmlns:a16="http://schemas.microsoft.com/office/drawing/2014/main" id="{46F3C0B0-1B1A-B75F-B6CC-E5E748EA80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25465" y="4195103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317" name="OTLSHAPE_G_00000000000000000000000000000000_ShapeBelow0">
            <a:extLst>
              <a:ext uri="{FF2B5EF4-FFF2-40B4-BE49-F238E27FC236}">
                <a16:creationId xmlns:a16="http://schemas.microsoft.com/office/drawing/2014/main" id="{8C11A23D-CBB8-4708-AC37-5A40479078F3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021350" y="2149261"/>
            <a:ext cx="0" cy="2981071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8" name="OTLSHAPE_G_00000000000000000000000000000000_ShapeBelow1">
            <a:extLst>
              <a:ext uri="{FF2B5EF4-FFF2-40B4-BE49-F238E27FC236}">
                <a16:creationId xmlns:a16="http://schemas.microsoft.com/office/drawing/2014/main" id="{50BC24AB-3B44-4585-838D-5490EBEEDE70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685675" y="2149261"/>
            <a:ext cx="0" cy="2981071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G_00000000000000000000000000000000_ShapeBelow2">
            <a:extLst>
              <a:ext uri="{FF2B5EF4-FFF2-40B4-BE49-F238E27FC236}">
                <a16:creationId xmlns:a16="http://schemas.microsoft.com/office/drawing/2014/main" id="{830D3245-11A8-45ED-A3C3-3502E762CFBE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350000" y="2149261"/>
            <a:ext cx="0" cy="2981071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G_00000000000000000000000000000000_ShapeBelow3">
            <a:extLst>
              <a:ext uri="{FF2B5EF4-FFF2-40B4-BE49-F238E27FC236}">
                <a16:creationId xmlns:a16="http://schemas.microsoft.com/office/drawing/2014/main" id="{4CF2C8AD-D037-4D9E-8B13-44B820A6DBA0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014325" y="2149261"/>
            <a:ext cx="0" cy="2981071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G_00000000000000000000000000000000_ShapeBelow4">
            <a:extLst>
              <a:ext uri="{FF2B5EF4-FFF2-40B4-BE49-F238E27FC236}">
                <a16:creationId xmlns:a16="http://schemas.microsoft.com/office/drawing/2014/main" id="{8867960F-A469-4BB4-913D-452BCAA55D1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683210" y="2149262"/>
            <a:ext cx="0" cy="2981071"/>
          </a:xfrm>
          <a:prstGeom prst="line">
            <a:avLst/>
          </a:prstGeom>
          <a:ln w="9525" cap="flat" cmpd="sng" algn="ctr">
            <a:solidFill>
              <a:srgbClr val="60487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OTLSHAPE_SLT_aee3641a3f144ee8b5ffc656896883d8_Shape">
            <a:extLst>
              <a:ext uri="{FF2B5EF4-FFF2-40B4-BE49-F238E27FC236}">
                <a16:creationId xmlns:a16="http://schemas.microsoft.com/office/drawing/2014/main" id="{62984102-2AA1-454A-9FB1-0BCD88874E0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129380" y="2765083"/>
            <a:ext cx="28829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26" name="OTLSHAPE_SLT_fc9e47ad538d42c5b61773975ad5ce7a_Shape">
            <a:extLst>
              <a:ext uri="{FF2B5EF4-FFF2-40B4-BE49-F238E27FC236}">
                <a16:creationId xmlns:a16="http://schemas.microsoft.com/office/drawing/2014/main" id="{E990E35D-B15D-436B-94A0-5416C067B27E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950488" y="4762539"/>
            <a:ext cx="3048000" cy="127000"/>
          </a:xfrm>
          <a:prstGeom prst="homePlate">
            <a:avLst/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242" name="OTLSHAPE_SLT_cccc638b6c8b48348d74569408b133e2_Shape">
            <a:extLst>
              <a:ext uri="{FF2B5EF4-FFF2-40B4-BE49-F238E27FC236}">
                <a16:creationId xmlns:a16="http://schemas.microsoft.com/office/drawing/2014/main" id="{D6E21C31-04AD-604E-562D-B87F847CE678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615873" y="3763811"/>
            <a:ext cx="31623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4BFAF9E8-7E70-401B-94FD-6A66C39A6D4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352465" y="1895260"/>
            <a:ext cx="850900" cy="50800"/>
          </a:xfrm>
          <a:prstGeom prst="roundRect">
            <a:avLst/>
          </a:prstGeom>
          <a:solidFill>
            <a:schemeClr val="bg2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aee3641a3f144ee8b5ffc656896883d8_ShapePercentage" hidden="1">
            <a:extLst>
              <a:ext uri="{FF2B5EF4-FFF2-40B4-BE49-F238E27FC236}">
                <a16:creationId xmlns:a16="http://schemas.microsoft.com/office/drawing/2014/main" id="{8C20D3A0-7141-1320-3F39-D266A924D838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129380" y="2765083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OTLSHAPE_SLT_cccc638b6c8b48348d74569408b133e2_ShapePercentage" hidden="1">
            <a:extLst>
              <a:ext uri="{FF2B5EF4-FFF2-40B4-BE49-F238E27FC236}">
                <a16:creationId xmlns:a16="http://schemas.microsoft.com/office/drawing/2014/main" id="{206BCF44-9DBF-62F3-E997-5713EB30631D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615873" y="3763811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OTLSHAPE_SLT_fc9e47ad538d42c5b61773975ad5ce7a_ShapePercentage" hidden="1">
            <a:extLst>
              <a:ext uri="{FF2B5EF4-FFF2-40B4-BE49-F238E27FC236}">
                <a16:creationId xmlns:a16="http://schemas.microsoft.com/office/drawing/2014/main" id="{D1CDC464-7393-F252-40DA-EF60D5A3579A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950488" y="4762539"/>
            <a:ext cx="25400" cy="12700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SL_21dbf422f651456ab33ddeae16b9647b_Header">
            <a:extLst>
              <a:ext uri="{FF2B5EF4-FFF2-40B4-BE49-F238E27FC236}">
                <a16:creationId xmlns:a16="http://schemas.microsoft.com/office/drawing/2014/main" id="{527A43BF-CBE3-41F9-847B-AF3D721D801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500" y="2618821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1</a:t>
            </a:r>
          </a:p>
        </p:txBody>
      </p:sp>
      <p:sp>
        <p:nvSpPr>
          <p:cNvPr id="227" name="OTLSHAPE_SL_86b53c4beea349eaa0ae175638487e7b_Header">
            <a:extLst>
              <a:ext uri="{FF2B5EF4-FFF2-40B4-BE49-F238E27FC236}">
                <a16:creationId xmlns:a16="http://schemas.microsoft.com/office/drawing/2014/main" id="{9FCB3B2E-55CE-45D6-B2A6-90F088612F6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3500" y="3540143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2</a:t>
            </a:r>
          </a:p>
        </p:txBody>
      </p:sp>
      <p:sp>
        <p:nvSpPr>
          <p:cNvPr id="230" name="OTLSHAPE_SL_85b48b502cdd4fb0ae3c6d9bb179ed93_Header">
            <a:extLst>
              <a:ext uri="{FF2B5EF4-FFF2-40B4-BE49-F238E27FC236}">
                <a16:creationId xmlns:a16="http://schemas.microsoft.com/office/drawing/2014/main" id="{8985EA9D-1DFC-4F9F-85A1-1D068BC92FF9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4538871"/>
            <a:ext cx="1168400" cy="247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600" b="1" dirty="0">
                <a:solidFill>
                  <a:schemeClr val="dk2"/>
                </a:solidFill>
                <a:latin typeface="Montserrat SemiBold" panose="00000700000000000000" pitchFamily="2" charset="0"/>
              </a:rPr>
              <a:t>Phase 3</a:t>
            </a:r>
          </a:p>
        </p:txBody>
      </p:sp>
      <p:sp>
        <p:nvSpPr>
          <p:cNvPr id="28" name="OTLSHAPE_SL2A_636c4497b09e47bdbfd9da70fa4e6dde_Header" hidden="1">
            <a:extLst>
              <a:ext uri="{FF2B5EF4-FFF2-40B4-BE49-F238E27FC236}">
                <a16:creationId xmlns:a16="http://schemas.microsoft.com/office/drawing/2014/main" id="{0CA89993-63F7-1A7B-763D-3AC3C6920FDC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2A_b62d9951f3bd4fadade481473a6b1409_Header" hidden="1">
            <a:extLst>
              <a:ext uri="{FF2B5EF4-FFF2-40B4-BE49-F238E27FC236}">
                <a16:creationId xmlns:a16="http://schemas.microsoft.com/office/drawing/2014/main" id="{8487DBE5-C160-C8B4-FD1F-4B1A57BA94B4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2A_43ed6ce830ee48a0a326290de680263d_Header" hidden="1">
            <a:extLst>
              <a:ext uri="{FF2B5EF4-FFF2-40B4-BE49-F238E27FC236}">
                <a16:creationId xmlns:a16="http://schemas.microsoft.com/office/drawing/2014/main" id="{E5BFD9F6-E6AA-FE53-A640-DEC1928D94E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49A210FC-DDC5-4A1A-998A-2768B62A367B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flipV="1">
            <a:off x="2158120" y="1810593"/>
            <a:ext cx="76200" cy="84667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057D7580-67F3-4D34-8E27-3F3E6492FAC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014278" y="1624538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408CCBB-6DD3-4C69-84AB-F6C0715BD7C3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15965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4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6C1F3BE-93E2-498E-A062-D16F42210A99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084850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1E9BBBA-419A-4426-8724-D69C1AD7FAB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749175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9BC5E89F-FA2E-4E76-AD4D-4680E0D7A40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6413500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3E3117-67F1-459D-A863-EF44C97D087F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077825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8</a:t>
            </a:r>
          </a:p>
        </p:txBody>
      </p:sp>
      <p:sp>
        <p:nvSpPr>
          <p:cNvPr id="233" name="OTLSHAPE_SLT_aee3641a3f144ee8b5ffc656896883d8_Duration">
            <a:extLst>
              <a:ext uri="{FF2B5EF4-FFF2-40B4-BE49-F238E27FC236}">
                <a16:creationId xmlns:a16="http://schemas.microsoft.com/office/drawing/2014/main" id="{D7B1A38D-273F-438E-BB07-D9D3384ADF1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057407" y="275107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4"/>
                </a:solidFill>
                <a:latin typeface="Calibri" panose="020F0502020204030204" pitchFamily="34" charset="0"/>
              </a:rPr>
              <a:t>90.2 wks</a:t>
            </a:r>
            <a:endParaRPr lang="en-US" sz="1000" spc="-6" dirty="0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SLT_aee3641a3f144ee8b5ffc656896883d8_JoinedDate">
            <a:extLst>
              <a:ext uri="{FF2B5EF4-FFF2-40B4-BE49-F238E27FC236}">
                <a16:creationId xmlns:a16="http://schemas.microsoft.com/office/drawing/2014/main" id="{9DD8C5ED-2568-4496-B819-740B84099139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319035" y="2752574"/>
            <a:ext cx="762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 dirty="0">
                <a:solidFill>
                  <a:schemeClr val="accent6"/>
                </a:solidFill>
                <a:latin typeface="Segoe UI" panose="020B0502040204020203" pitchFamily="34" charset="0"/>
              </a:rPr>
              <a:t>Sep 1 - May 24</a:t>
            </a:r>
          </a:p>
        </p:txBody>
      </p:sp>
      <p:sp>
        <p:nvSpPr>
          <p:cNvPr id="238" name="OTLSHAPE_SLT_aee3641a3f144ee8b5ffc656896883d8_Title">
            <a:extLst>
              <a:ext uri="{FF2B5EF4-FFF2-40B4-BE49-F238E27FC236}">
                <a16:creationId xmlns:a16="http://schemas.microsoft.com/office/drawing/2014/main" id="{C26B4F71-7378-4122-AA25-7AD76D2D489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4129380" y="2892083"/>
            <a:ext cx="17780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dirty="0">
                <a:solidFill>
                  <a:schemeClr val="dk2"/>
                </a:solidFill>
                <a:latin typeface="Segoe UI" panose="020B0502040204020203" pitchFamily="34" charset="0"/>
              </a:rPr>
              <a:t>FIRST PHASE description</a:t>
            </a:r>
          </a:p>
        </p:txBody>
      </p:sp>
      <p:sp>
        <p:nvSpPr>
          <p:cNvPr id="249" name="OTLSHAPE_SLT_fc9e47ad538d42c5b61773975ad5ce7a_Duration">
            <a:extLst>
              <a:ext uri="{FF2B5EF4-FFF2-40B4-BE49-F238E27FC236}">
                <a16:creationId xmlns:a16="http://schemas.microsoft.com/office/drawing/2014/main" id="{E625AE97-F698-447D-9287-2C79E4F033D7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1038108" y="474852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chemeClr val="accent4"/>
                </a:solidFill>
                <a:latin typeface="Calibri" panose="020F0502020204030204" pitchFamily="34" charset="0"/>
              </a:rPr>
              <a:t>95 wks</a:t>
            </a:r>
          </a:p>
        </p:txBody>
      </p:sp>
      <p:sp>
        <p:nvSpPr>
          <p:cNvPr id="253" name="OTLSHAPE_SLT_fc9e47ad538d42c5b61773975ad5ce7a_JoinedDate">
            <a:extLst>
              <a:ext uri="{FF2B5EF4-FFF2-40B4-BE49-F238E27FC236}">
                <a16:creationId xmlns:a16="http://schemas.microsoft.com/office/drawing/2014/main" id="{68DF48BB-E9A5-4F91-862B-F6F1C58E266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111864" y="4750029"/>
            <a:ext cx="800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4" dirty="0">
                <a:solidFill>
                  <a:schemeClr val="accent6"/>
                </a:solidFill>
                <a:latin typeface="Segoe UI" panose="020B0502040204020203" pitchFamily="34" charset="0"/>
              </a:rPr>
              <a:t>Dec 18 - Oct 13</a:t>
            </a:r>
          </a:p>
        </p:txBody>
      </p:sp>
      <p:sp>
        <p:nvSpPr>
          <p:cNvPr id="254" name="OTLSHAPE_SLT_fc9e47ad538d42c5b61773975ad5ce7a_Title">
            <a:extLst>
              <a:ext uri="{FF2B5EF4-FFF2-40B4-BE49-F238E27FC236}">
                <a16:creationId xmlns:a16="http://schemas.microsoft.com/office/drawing/2014/main" id="{174FF2F5-B64B-4B3B-8003-64685E7DEB61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7950488" y="4889539"/>
            <a:ext cx="18415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2"/>
                </a:solidFill>
                <a:latin typeface="Segoe UI" panose="020B0502040204020203" pitchFamily="34" charset="0"/>
              </a:rPr>
              <a:t>THIRD PHASE description</a:t>
            </a:r>
            <a:endParaRPr lang="en-US" sz="1200" b="1" spc="-6" dirty="0">
              <a:solidFill>
                <a:schemeClr val="dk2"/>
              </a:solidFill>
              <a:latin typeface="Segoe UI" panose="020B0502040204020203" pitchFamily="34" charset="0"/>
            </a:endParaRPr>
          </a:p>
        </p:txBody>
      </p:sp>
      <p:sp>
        <p:nvSpPr>
          <p:cNvPr id="14" name="OTLSHAPE_TB_00000000000000000000000000000000_TimescaleInterval6">
            <a:extLst>
              <a:ext uri="{FF2B5EF4-FFF2-40B4-BE49-F238E27FC236}">
                <a16:creationId xmlns:a16="http://schemas.microsoft.com/office/drawing/2014/main" id="{C98EB588-EF43-41AC-8850-254756A90B9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746710" y="1929233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2029</a:t>
            </a:r>
          </a:p>
        </p:txBody>
      </p:sp>
      <p:sp>
        <p:nvSpPr>
          <p:cNvPr id="250" name="OTLSHAPE_SLT_cccc638b6c8b48348d74569408b133e2_JoinedDate">
            <a:extLst>
              <a:ext uri="{FF2B5EF4-FFF2-40B4-BE49-F238E27FC236}">
                <a16:creationId xmlns:a16="http://schemas.microsoft.com/office/drawing/2014/main" id="{1CC17B2C-15C3-D770-2B1E-52C51CCE4D7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844306" y="3751302"/>
            <a:ext cx="7239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900" spc="-6">
                <a:solidFill>
                  <a:schemeClr val="accent6"/>
                </a:solidFill>
                <a:latin typeface="Segoe UI" panose="020B0502040204020203" pitchFamily="34" charset="0"/>
              </a:rPr>
              <a:t>Jul 24 - Jun 15</a:t>
            </a:r>
          </a:p>
        </p:txBody>
      </p:sp>
      <p:sp>
        <p:nvSpPr>
          <p:cNvPr id="251" name="OTLSHAPE_SLT_cccc638b6c8b48348d74569408b133e2_Duration">
            <a:extLst>
              <a:ext uri="{FF2B5EF4-FFF2-40B4-BE49-F238E27FC236}">
                <a16:creationId xmlns:a16="http://schemas.microsoft.com/office/drawing/2014/main" id="{DDFD38C1-5A82-BF15-1CA6-EFB366672C3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8826608" y="374979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4"/>
                </a:solidFill>
                <a:latin typeface="Calibri" panose="020F0502020204030204" pitchFamily="34" charset="0"/>
              </a:rPr>
              <a:t>99 wks</a:t>
            </a:r>
          </a:p>
        </p:txBody>
      </p:sp>
      <p:sp>
        <p:nvSpPr>
          <p:cNvPr id="252" name="OTLSHAPE_SLT_cccc638b6c8b48348d74569408b133e2_Title">
            <a:extLst>
              <a:ext uri="{FF2B5EF4-FFF2-40B4-BE49-F238E27FC236}">
                <a16:creationId xmlns:a16="http://schemas.microsoft.com/office/drawing/2014/main" id="{0BE4ACD7-60DD-C46E-6079-2A270E66D3B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615873" y="3890811"/>
            <a:ext cx="1981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>
                <a:solidFill>
                  <a:schemeClr val="dk2"/>
                </a:solidFill>
                <a:latin typeface="Segoe UI" panose="020B0502040204020203" pitchFamily="34" charset="0"/>
              </a:rPr>
              <a:t>SECOND PHASE description</a:t>
            </a:r>
          </a:p>
        </p:txBody>
      </p:sp>
      <p:sp>
        <p:nvSpPr>
          <p:cNvPr id="33" name="OTLSHAPE_SLT_aee3641a3f144ee8b5ffc656896883d8_StartDate" hidden="1">
            <a:extLst>
              <a:ext uri="{FF2B5EF4-FFF2-40B4-BE49-F238E27FC236}">
                <a16:creationId xmlns:a16="http://schemas.microsoft.com/office/drawing/2014/main" id="{C0FF4ED0-310F-6728-0188-DF8E3D36E9B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34" name="OTLSHAPE_SLT_aee3641a3f144ee8b5ffc656896883d8_EndDate" hidden="1">
            <a:extLst>
              <a:ext uri="{FF2B5EF4-FFF2-40B4-BE49-F238E27FC236}">
                <a16:creationId xmlns:a16="http://schemas.microsoft.com/office/drawing/2014/main" id="{7989E670-E120-647C-A83B-8D04525D506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35" name="OTLSHAPE_SLT_aee3641a3f144ee8b5ffc656896883d8_TextPercentage" hidden="1">
            <a:extLst>
              <a:ext uri="{FF2B5EF4-FFF2-40B4-BE49-F238E27FC236}">
                <a16:creationId xmlns:a16="http://schemas.microsoft.com/office/drawing/2014/main" id="{37AC2A3B-8510-7A88-FF74-7005F1D51FD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SLT_cccc638b6c8b48348d74569408b133e2_StartDate" hidden="1">
            <a:extLst>
              <a:ext uri="{FF2B5EF4-FFF2-40B4-BE49-F238E27FC236}">
                <a16:creationId xmlns:a16="http://schemas.microsoft.com/office/drawing/2014/main" id="{CC11E280-B3FB-20F4-58D4-3662A5C95B6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44" name="OTLSHAPE_SLT_cccc638b6c8b48348d74569408b133e2_EndDate" hidden="1">
            <a:extLst>
              <a:ext uri="{FF2B5EF4-FFF2-40B4-BE49-F238E27FC236}">
                <a16:creationId xmlns:a16="http://schemas.microsoft.com/office/drawing/2014/main" id="{1D6C4BD2-8D73-ECB6-42AE-FA53537996CB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45" name="OTLSHAPE_SLT_cccc638b6c8b48348d74569408b133e2_TextPercentage" hidden="1">
            <a:extLst>
              <a:ext uri="{FF2B5EF4-FFF2-40B4-BE49-F238E27FC236}">
                <a16:creationId xmlns:a16="http://schemas.microsoft.com/office/drawing/2014/main" id="{3B2AFEA3-F089-7724-ED85-DDEDFC22C35F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fc9e47ad538d42c5b61773975ad5ce7a_StartDate" hidden="1">
            <a:extLst>
              <a:ext uri="{FF2B5EF4-FFF2-40B4-BE49-F238E27FC236}">
                <a16:creationId xmlns:a16="http://schemas.microsoft.com/office/drawing/2014/main" id="{464184BA-1E2A-91F4-795F-DED1F5C41223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51" name="OTLSHAPE_SLT_fc9e47ad538d42c5b61773975ad5ce7a_EndDate" hidden="1">
            <a:extLst>
              <a:ext uri="{FF2B5EF4-FFF2-40B4-BE49-F238E27FC236}">
                <a16:creationId xmlns:a16="http://schemas.microsoft.com/office/drawing/2014/main" id="{7C913F9E-C7D2-03EB-5E61-5F5B56B011F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chemeClr val="accent6"/>
              </a:solidFill>
              <a:latin typeface="Segoe UI" panose="020B0502040204020203" pitchFamily="34" charset="0"/>
            </a:endParaRPr>
          </a:p>
        </p:txBody>
      </p:sp>
      <p:sp>
        <p:nvSpPr>
          <p:cNvPr id="52" name="OTLSHAPE_SLT_fc9e47ad538d42c5b61773975ad5ce7a_TextPercentage" hidden="1">
            <a:extLst>
              <a:ext uri="{FF2B5EF4-FFF2-40B4-BE49-F238E27FC236}">
                <a16:creationId xmlns:a16="http://schemas.microsoft.com/office/drawing/2014/main" id="{0236256F-E309-7C6B-1DD5-91303547C9A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08721161bdd745e8b55f0ac1b1ce9078_Shape">
            <a:extLst>
              <a:ext uri="{FF2B5EF4-FFF2-40B4-BE49-F238E27FC236}">
                <a16:creationId xmlns:a16="http://schemas.microsoft.com/office/drawing/2014/main" id="{412DF173-3E55-426C-B7AA-510F2F0E6B15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6905987" y="17047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56" name="OTLSHAPE_M_dc5868735e9946c499034c6274610b1a_Shape">
            <a:extLst>
              <a:ext uri="{FF2B5EF4-FFF2-40B4-BE49-F238E27FC236}">
                <a16:creationId xmlns:a16="http://schemas.microsoft.com/office/drawing/2014/main" id="{19EE9C5B-694F-4C79-B677-A5E697DD604F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886687" y="17047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63" name="OTLSHAPE_M_298c15a342464236a966585e8106cfd1_Shape">
            <a:extLst>
              <a:ext uri="{FF2B5EF4-FFF2-40B4-BE49-F238E27FC236}">
                <a16:creationId xmlns:a16="http://schemas.microsoft.com/office/drawing/2014/main" id="{38788126-4B5E-4250-89F5-BA6FAC85C28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8675187" y="1704760"/>
            <a:ext cx="228600" cy="254000"/>
          </a:xfrm>
          <a:prstGeom prst="downArrow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5"/>
              </a:solidFill>
            </a:endParaRPr>
          </a:p>
        </p:txBody>
      </p:sp>
      <p:sp>
        <p:nvSpPr>
          <p:cNvPr id="234" name="OTLSHAPE_SLA_589c0c461d174d2c883033297ca59051_Shape">
            <a:extLst>
              <a:ext uri="{FF2B5EF4-FFF2-40B4-BE49-F238E27FC236}">
                <a16:creationId xmlns:a16="http://schemas.microsoft.com/office/drawing/2014/main" id="{1E1094D0-A7B7-1811-CD7F-B37F77AD6D5D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4914978" y="273968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0" name="OTLSHAPE_SLA_e40360d073fb4a969b560f63e9e74862_Shape">
            <a:extLst>
              <a:ext uri="{FF2B5EF4-FFF2-40B4-BE49-F238E27FC236}">
                <a16:creationId xmlns:a16="http://schemas.microsoft.com/office/drawing/2014/main" id="{BF2E274A-950C-10CB-6879-33BC74047BD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6310275" y="2739683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2" name="OTLSHAPE_SLA_bc7799252bdd4082bc377173b829bce1_Shape">
            <a:extLst>
              <a:ext uri="{FF2B5EF4-FFF2-40B4-BE49-F238E27FC236}">
                <a16:creationId xmlns:a16="http://schemas.microsoft.com/office/drawing/2014/main" id="{6F6B36E3-B8B7-D0BE-CB41-DD42183A0865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6273797" y="373841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68" name="OTLSHAPE_SLA_da4f28ce3eb943a19e2251b4aab6bc52_Shape">
            <a:extLst>
              <a:ext uri="{FF2B5EF4-FFF2-40B4-BE49-F238E27FC236}">
                <a16:creationId xmlns:a16="http://schemas.microsoft.com/office/drawing/2014/main" id="{2FDC6D79-8723-2F40-0185-172DE1B8F68D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7254153" y="373841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1" name="OTLSHAPE_SLA_5bd06c46a07248088bb76c3f6ddc7756_Shape">
            <a:extLst>
              <a:ext uri="{FF2B5EF4-FFF2-40B4-BE49-F238E27FC236}">
                <a16:creationId xmlns:a16="http://schemas.microsoft.com/office/drawing/2014/main" id="{459BC1A5-90CE-54D8-E139-122AC6E01950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8156992" y="3738411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6" name="OTLSHAPE_SLA_4d0be5bf13864470a7a949a63791fb2f_Shape">
            <a:extLst>
              <a:ext uri="{FF2B5EF4-FFF2-40B4-BE49-F238E27FC236}">
                <a16:creationId xmlns:a16="http://schemas.microsoft.com/office/drawing/2014/main" id="{A85CD4B2-1E83-6F3C-01C6-35216F7537CD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8936717" y="473713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79" name="OTLSHAPE_SLA_efba1996071345ffaf7ccfca9f6d632c_Shape">
            <a:extLst>
              <a:ext uri="{FF2B5EF4-FFF2-40B4-BE49-F238E27FC236}">
                <a16:creationId xmlns:a16="http://schemas.microsoft.com/office/drawing/2014/main" id="{129374E1-D395-71F9-2BF5-AC9752717BCC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10290976" y="4737139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8" name="OTLSHAPE_M_dc5868735e9946c499034c6274610b1a_Title">
            <a:extLst>
              <a:ext uri="{FF2B5EF4-FFF2-40B4-BE49-F238E27FC236}">
                <a16:creationId xmlns:a16="http://schemas.microsoft.com/office/drawing/2014/main" id="{D3E513B9-F8C3-4F59-9C2F-D8B2931BD18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098652" y="426311"/>
            <a:ext cx="1816100" cy="3715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200" b="1" spc="-40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3 Review</a:t>
            </a:r>
          </a:p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</p:txBody>
      </p:sp>
      <p:sp>
        <p:nvSpPr>
          <p:cNvPr id="255" name="OTLSHAPE_M_dc5868735e9946c499034c6274610b1a_Date">
            <a:extLst>
              <a:ext uri="{FF2B5EF4-FFF2-40B4-BE49-F238E27FC236}">
                <a16:creationId xmlns:a16="http://schemas.microsoft.com/office/drawing/2014/main" id="{D59F50F7-7061-4536-B143-AAF86FF224A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845878" y="823228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Oct 16</a:t>
            </a:r>
          </a:p>
        </p:txBody>
      </p:sp>
      <p:sp>
        <p:nvSpPr>
          <p:cNvPr id="257" name="OTLSHAPE_M_08721161bdd745e8b55f0ac1b1ce9078_Title">
            <a:extLst>
              <a:ext uri="{FF2B5EF4-FFF2-40B4-BE49-F238E27FC236}">
                <a16:creationId xmlns:a16="http://schemas.microsoft.com/office/drawing/2014/main" id="{20F36915-6E54-4EF9-BC8A-26EA22D2CEE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6133192" y="1028436"/>
            <a:ext cx="1778000" cy="3715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200" b="1" spc="-40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1 Review</a:t>
            </a:r>
          </a:p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</p:txBody>
      </p:sp>
      <p:sp>
        <p:nvSpPr>
          <p:cNvPr id="260" name="OTLSHAPE_M_08721161bdd745e8b55f0ac1b1ce9078_Date">
            <a:extLst>
              <a:ext uri="{FF2B5EF4-FFF2-40B4-BE49-F238E27FC236}">
                <a16:creationId xmlns:a16="http://schemas.microsoft.com/office/drawing/2014/main" id="{950B4115-1B8B-4FF5-955E-EE67A5C1F994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844582" y="1425353"/>
            <a:ext cx="355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4" dirty="0">
                <a:solidFill>
                  <a:schemeClr val="dk2"/>
                </a:solidFill>
                <a:latin typeface="Segoe UI" panose="020B0502040204020203" pitchFamily="34" charset="0"/>
              </a:rPr>
              <a:t>May 27</a:t>
            </a:r>
          </a:p>
        </p:txBody>
      </p:sp>
      <p:sp>
        <p:nvSpPr>
          <p:cNvPr id="266" name="OTLSHAPE_M_298c15a342464236a966585e8106cfd1_Title">
            <a:extLst>
              <a:ext uri="{FF2B5EF4-FFF2-40B4-BE49-F238E27FC236}">
                <a16:creationId xmlns:a16="http://schemas.microsoft.com/office/drawing/2014/main" id="{067864E4-7062-49A0-9C90-7A1FF6DA5BFE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887300" y="676353"/>
            <a:ext cx="1816100" cy="3715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200" b="1" spc="-40" dirty="0">
                <a:solidFill>
                  <a:schemeClr val="accent6"/>
                </a:solidFill>
                <a:latin typeface="Montserrat" panose="00000500000000000000" pitchFamily="2" charset="0"/>
              </a:rPr>
              <a:t>End of Phase 2 Review</a:t>
            </a:r>
          </a:p>
          <a:p>
            <a:pPr algn="ctr"/>
            <a:endParaRPr lang="en-US" sz="1200" b="1" spc="-40" dirty="0">
              <a:solidFill>
                <a:schemeClr val="accent6"/>
              </a:solidFill>
              <a:latin typeface="Montserrat" panose="00000500000000000000" pitchFamily="2" charset="0"/>
            </a:endParaRPr>
          </a:p>
        </p:txBody>
      </p:sp>
      <p:sp>
        <p:nvSpPr>
          <p:cNvPr id="267" name="OTLSHAPE_M_298c15a342464236a966585e8106cfd1_Date">
            <a:extLst>
              <a:ext uri="{FF2B5EF4-FFF2-40B4-BE49-F238E27FC236}">
                <a16:creationId xmlns:a16="http://schemas.microsoft.com/office/drawing/2014/main" id="{B31CCB31-C0A3-47DA-82FE-4DC8DE4BE35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632959" y="1073270"/>
            <a:ext cx="317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800" b="1" spc="-8" dirty="0">
                <a:solidFill>
                  <a:schemeClr val="dk2"/>
                </a:solidFill>
                <a:latin typeface="Segoe UI" panose="020B0502040204020203" pitchFamily="34" charset="0"/>
              </a:rPr>
              <a:t>Jun 18</a:t>
            </a:r>
          </a:p>
        </p:txBody>
      </p:sp>
      <p:sp>
        <p:nvSpPr>
          <p:cNvPr id="231" name="OTLSHAPE_SLA_589c0c461d174d2c883033297ca59051_Title">
            <a:extLst>
              <a:ext uri="{FF2B5EF4-FFF2-40B4-BE49-F238E27FC236}">
                <a16:creationId xmlns:a16="http://schemas.microsoft.com/office/drawing/2014/main" id="{A4C6BFF3-C1F0-180B-3DC7-CAC3CF01C9DB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623196" y="2390560"/>
            <a:ext cx="7366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2"/>
                </a:solidFill>
                <a:latin typeface="Montserrat" panose="00000500000000000000" pitchFamily="2" charset="0"/>
              </a:rPr>
              <a:t>Milestone 1</a:t>
            </a:r>
          </a:p>
        </p:txBody>
      </p:sp>
      <p:sp>
        <p:nvSpPr>
          <p:cNvPr id="232" name="OTLSHAPE_SLA_589c0c461d174d2c883033297ca59051_Date">
            <a:extLst>
              <a:ext uri="{FF2B5EF4-FFF2-40B4-BE49-F238E27FC236}">
                <a16:creationId xmlns:a16="http://schemas.microsoft.com/office/drawing/2014/main" id="{0C4673F7-AFA6-E6AE-F89A-4FD1124C8EA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4828153" y="2570773"/>
            <a:ext cx="330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Mar 8</a:t>
            </a:r>
          </a:p>
        </p:txBody>
      </p:sp>
      <p:sp>
        <p:nvSpPr>
          <p:cNvPr id="235" name="OTLSHAPE_SLA_e40360d073fb4a969b560f63e9e74862_Title">
            <a:extLst>
              <a:ext uri="{FF2B5EF4-FFF2-40B4-BE49-F238E27FC236}">
                <a16:creationId xmlns:a16="http://schemas.microsoft.com/office/drawing/2014/main" id="{117BED4F-A59C-0D7D-93AE-472DE3FE4DD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005920" y="2390560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2"/>
                </a:solidFill>
                <a:latin typeface="Montserrat" panose="00000500000000000000" pitchFamily="2" charset="0"/>
              </a:rPr>
              <a:t>Milestone 2</a:t>
            </a:r>
          </a:p>
        </p:txBody>
      </p:sp>
      <p:sp>
        <p:nvSpPr>
          <p:cNvPr id="236" name="OTLSHAPE_SLA_e40360d073fb4a969b560f63e9e74862_Date">
            <a:extLst>
              <a:ext uri="{FF2B5EF4-FFF2-40B4-BE49-F238E27FC236}">
                <a16:creationId xmlns:a16="http://schemas.microsoft.com/office/drawing/2014/main" id="{206F5357-909C-9F91-533A-A1027BCCD51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243939" y="2570773"/>
            <a:ext cx="292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Jan 8</a:t>
            </a:r>
          </a:p>
        </p:txBody>
      </p:sp>
      <p:sp>
        <p:nvSpPr>
          <p:cNvPr id="259" name="OTLSHAPE_SLA_bc7799252bdd4082bc377173b829bce1_Title">
            <a:extLst>
              <a:ext uri="{FF2B5EF4-FFF2-40B4-BE49-F238E27FC236}">
                <a16:creationId xmlns:a16="http://schemas.microsoft.com/office/drawing/2014/main" id="{B48F4C77-DFF8-F8EB-9755-FC0C290EFD2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969314" y="3389288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2"/>
                </a:solidFill>
                <a:latin typeface="Montserrat" panose="00000500000000000000" pitchFamily="2" charset="0"/>
              </a:rPr>
              <a:t>Milestone 3</a:t>
            </a:r>
          </a:p>
        </p:txBody>
      </p:sp>
      <p:sp>
        <p:nvSpPr>
          <p:cNvPr id="261" name="OTLSHAPE_SLA_bc7799252bdd4082bc377173b829bce1_Date">
            <a:extLst>
              <a:ext uri="{FF2B5EF4-FFF2-40B4-BE49-F238E27FC236}">
                <a16:creationId xmlns:a16="http://schemas.microsoft.com/office/drawing/2014/main" id="{45077AD2-C03D-4662-A8CA-158171E2A65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157063" y="3569501"/>
            <a:ext cx="393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Dec 31</a:t>
            </a:r>
          </a:p>
        </p:txBody>
      </p:sp>
      <p:sp>
        <p:nvSpPr>
          <p:cNvPr id="264" name="OTLSHAPE_SLA_da4f28ce3eb943a19e2251b4aab6bc52_Title">
            <a:extLst>
              <a:ext uri="{FF2B5EF4-FFF2-40B4-BE49-F238E27FC236}">
                <a16:creationId xmlns:a16="http://schemas.microsoft.com/office/drawing/2014/main" id="{8DD7B8C6-5BD9-6762-5D0C-D9715A5A6EB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943510" y="3234475"/>
            <a:ext cx="774700" cy="3096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000" b="1" spc="-6" dirty="0">
              <a:solidFill>
                <a:schemeClr val="dk2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000" b="1" spc="-6" dirty="0">
                <a:solidFill>
                  <a:schemeClr val="dk2"/>
                </a:solidFill>
                <a:latin typeface="Montserrat" panose="00000500000000000000" pitchFamily="2" charset="0"/>
              </a:rPr>
              <a:t>Milestone 4</a:t>
            </a:r>
          </a:p>
        </p:txBody>
      </p:sp>
      <p:sp>
        <p:nvSpPr>
          <p:cNvPr id="265" name="OTLSHAPE_SLA_da4f28ce3eb943a19e2251b4aab6bc52_Date">
            <a:extLst>
              <a:ext uri="{FF2B5EF4-FFF2-40B4-BE49-F238E27FC236}">
                <a16:creationId xmlns:a16="http://schemas.microsoft.com/office/drawing/2014/main" id="{2119DC08-59E3-EC07-16C3-FB625246A4A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164427" y="3569501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Aug 3</a:t>
            </a:r>
          </a:p>
        </p:txBody>
      </p:sp>
      <p:sp>
        <p:nvSpPr>
          <p:cNvPr id="269" name="OTLSHAPE_SLA_5bd06c46a07248088bb76c3f6ddc7756_Title">
            <a:extLst>
              <a:ext uri="{FF2B5EF4-FFF2-40B4-BE49-F238E27FC236}">
                <a16:creationId xmlns:a16="http://schemas.microsoft.com/office/drawing/2014/main" id="{326ED70E-9AA0-A1FD-0B8D-56F641D86EAF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52319" y="3389288"/>
            <a:ext cx="762000" cy="1548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2"/>
                </a:solidFill>
                <a:latin typeface="Montserrat" panose="00000500000000000000" pitchFamily="2" charset="0"/>
              </a:rPr>
              <a:t>Milestone 5</a:t>
            </a:r>
          </a:p>
        </p:txBody>
      </p:sp>
      <p:sp>
        <p:nvSpPr>
          <p:cNvPr id="270" name="OTLSHAPE_SLA_5bd06c46a07248088bb76c3f6ddc7756_Date">
            <a:extLst>
              <a:ext uri="{FF2B5EF4-FFF2-40B4-BE49-F238E27FC236}">
                <a16:creationId xmlns:a16="http://schemas.microsoft.com/office/drawing/2014/main" id="{5A55748F-FF35-F0A0-FCFB-BE258FEFBF6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045783" y="3569501"/>
            <a:ext cx="381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Feb 17</a:t>
            </a:r>
          </a:p>
        </p:txBody>
      </p:sp>
      <p:sp>
        <p:nvSpPr>
          <p:cNvPr id="273" name="OTLSHAPE_SLA_4d0be5bf13864470a7a949a63791fb2f_Title">
            <a:extLst>
              <a:ext uri="{FF2B5EF4-FFF2-40B4-BE49-F238E27FC236}">
                <a16:creationId xmlns:a16="http://schemas.microsoft.com/office/drawing/2014/main" id="{CC9BA1EB-DFAE-C29F-11C2-67C9CA3B90B8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629377" y="4233203"/>
            <a:ext cx="774700" cy="3096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000" b="1" spc="-8" dirty="0">
              <a:solidFill>
                <a:schemeClr val="dk2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000" b="1" spc="-8" dirty="0">
                <a:solidFill>
                  <a:schemeClr val="dk2"/>
                </a:solidFill>
                <a:latin typeface="Montserrat" panose="00000500000000000000" pitchFamily="2" charset="0"/>
              </a:rPr>
              <a:t>Milestone 6</a:t>
            </a:r>
          </a:p>
        </p:txBody>
      </p:sp>
      <p:sp>
        <p:nvSpPr>
          <p:cNvPr id="275" name="OTLSHAPE_SLA_4d0be5bf13864470a7a949a63791fb2f_Date">
            <a:extLst>
              <a:ext uri="{FF2B5EF4-FFF2-40B4-BE49-F238E27FC236}">
                <a16:creationId xmlns:a16="http://schemas.microsoft.com/office/drawing/2014/main" id="{6DEFEC23-B1B6-4551-7854-E95EF7031069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846991" y="4568229"/>
            <a:ext cx="342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4">
                <a:solidFill>
                  <a:schemeClr val="dk2"/>
                </a:solidFill>
                <a:latin typeface="Segoe UI" panose="020B0502040204020203" pitchFamily="34" charset="0"/>
              </a:rPr>
              <a:t>Aug 6</a:t>
            </a:r>
          </a:p>
        </p:txBody>
      </p:sp>
      <p:sp>
        <p:nvSpPr>
          <p:cNvPr id="277" name="OTLSHAPE_SLA_efba1996071345ffaf7ccfca9f6d632c_Title">
            <a:extLst>
              <a:ext uri="{FF2B5EF4-FFF2-40B4-BE49-F238E27FC236}">
                <a16:creationId xmlns:a16="http://schemas.microsoft.com/office/drawing/2014/main" id="{951E4CC3-1443-11FA-B0B1-A8A5FB43E4D8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984715" y="4233203"/>
            <a:ext cx="774700" cy="3096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endParaRPr lang="en-US" sz="1000" b="1" spc="-8" dirty="0">
              <a:solidFill>
                <a:schemeClr val="dk2"/>
              </a:solidFill>
              <a:latin typeface="Montserrat" panose="00000500000000000000" pitchFamily="2" charset="0"/>
            </a:endParaRPr>
          </a:p>
          <a:p>
            <a:pPr algn="ctr"/>
            <a:r>
              <a:rPr lang="en-US" sz="1000" b="1" spc="-8" dirty="0">
                <a:solidFill>
                  <a:schemeClr val="dk2"/>
                </a:solidFill>
                <a:latin typeface="Montserrat" panose="00000500000000000000" pitchFamily="2" charset="0"/>
              </a:rPr>
              <a:t>Milestone 7</a:t>
            </a:r>
          </a:p>
        </p:txBody>
      </p:sp>
      <p:sp>
        <p:nvSpPr>
          <p:cNvPr id="278" name="OTLSHAPE_SLA_efba1996071345ffaf7ccfca9f6d632c_Date">
            <a:extLst>
              <a:ext uri="{FF2B5EF4-FFF2-40B4-BE49-F238E27FC236}">
                <a16:creationId xmlns:a16="http://schemas.microsoft.com/office/drawing/2014/main" id="{6B8E3E2C-DC12-E52D-9B04-68317A777C6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0161267" y="4568229"/>
            <a:ext cx="419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spc="-12">
                <a:solidFill>
                  <a:schemeClr val="dk2"/>
                </a:solidFill>
                <a:latin typeface="Segoe UI" panose="020B0502040204020203" pitchFamily="34" charset="0"/>
              </a:rPr>
              <a:t>May 30</a:t>
            </a:r>
          </a:p>
        </p:txBody>
      </p:sp>
      <p:pic>
        <p:nvPicPr>
          <p:cNvPr id="15" name="Picture 14" descr="Icon&#10;&#10;Description automatically generated">
            <a:extLst>
              <a:ext uri="{FF2B5EF4-FFF2-40B4-BE49-F238E27FC236}">
                <a16:creationId xmlns:a16="http://schemas.microsoft.com/office/drawing/2014/main" id="{144B8AED-8114-75D7-8CB8-CE36D346E7BE}"/>
              </a:ext>
            </a:extLst>
          </p:cNvPr>
          <p:cNvPicPr>
            <a:picLocks noChangeAspect="1"/>
          </p:cNvPicPr>
          <p:nvPr/>
        </p:nvPicPr>
        <p:blipFill>
          <a:blip r:embed="rId9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66154" y="3627120"/>
            <a:ext cx="2508996" cy="321429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BF2CD6EE-D119-B146-C62F-113289CF495A}"/>
              </a:ext>
            </a:extLst>
          </p:cNvPr>
          <p:cNvSpPr txBox="1"/>
          <p:nvPr/>
        </p:nvSpPr>
        <p:spPr>
          <a:xfrm>
            <a:off x="512713" y="345375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Action </a:t>
            </a:r>
            <a:r>
              <a:rPr lang="en-US" sz="3200" dirty="0">
                <a:solidFill>
                  <a:srgbClr val="282832"/>
                </a:solidFill>
                <a:latin typeface="Open Sans" panose="020B0606030504020204" pitchFamily="34" charset="0"/>
              </a:rPr>
              <a:t>plan t</a:t>
            </a:r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270405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4LTA4LTA5VDAwOjAwOjAwWiIsIkVuZERhdGUiOiIyMDI4LTA4LTA5VDIzOjU5OjAwWiIsIlBlcmNlbnRhZ2VDb21wbGV0ZSI6bnVsbCwiU3R5bGUiOnsiJGlkIjoiNyIsIlNoYXBlIjo0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1MSIsIlRvcCI6MC4wLCJMZWZ0IjowLjAsIlJpZ2h0IjowLjAsIkJvdHRvbSI6MC4wfSwiUGFkZGluZyI6eyIkaWQiOiI1MiIsIlRvcCI6MC4wLCJMZWZ0IjowLjAsIlJpZ2h0IjowLjAsIkJvdHRvbSI6MC4wfSwiQmFja2dyb3VuZCI6eyIkaWQiOiI1MyIsIkNvbG9yIjp7IiRyZWYiOiIxNSJ9fSwiSXNWaXNpYmxlIjpmYWxz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4OSIsIlRvcCI6MC4wLCJMZWZ0IjowLjAsIlJpZ2h0IjowLjAsIkJvdHRvbSI6MC4wfSwiUGFkZGluZyI6eyIkaWQiOiI5MCIsIlRvcCI6MC4wLCJMZWZ0IjowLjAsIlJpZ2h0IjowLjAsIkJvdHRvbSI6MC4wfSwiQmFja2dyb3VuZCI6eyIkaWQiOiI5MSIsIkNvbG9yIjp7IiRpZCI6IjkyIiwiQSI6MCwiUiI6MjU1LCJHIjoyNTUsIkIiOjI1NX19LCJJc1Zpc2libGUiOnRydWUsIldpZHRoIjowLjAsIkhlaWdodCI6MC4wLCJCb3JkZXJTdHlsZSI6eyIkaWQiOiI5MyIsIkxpbmVDb2xvciI6bnVsbCwiTGluZVdlaWdodCI6MC4wLCJMaW5lVHlwZSI6MCwiUGFyZW50U3R5bGUiOm51bGx9LCJQYXJlbnRTdHlsZSI6bnVsbH0sIkRhdGVGb3JtYXQiOnsiJGlkIjoi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5LCJGb250TmFtZSI6IlNlZ29lIFVJIiwiSXNCb2xkIjpmYWxzZSwiSXNJdGFsaWMiOmZhbHNlLCJJc1VuZGVybGluZWQiOmZhbHNlLCJQYXJlbnRTdHlsZSI6bnVsbH0sIkF1dG9TaXplIjowLCJGb3JlZ3JvdW5kIjp7IiRpZCI6IjE3OSIsIkNvbG9yIjp7IiRpZCI6IjE4MCIsIkEiOjI1NSwiUiI6MzgsIkciOjEzMSwiQiI6MTk4fX0sIk1heFdpZHRoIjoyMDAuMCwiTWF4SGVpZ2h0IjoiSW5maW5pdHkiLCJTbWFydEZvcmVncm91bmRJc0FjdGl2ZSI6ZmFsc2UsIkhvcml6b250YWxBbGlnbm1lbnQiOjI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nsiJGlkIjoiMTgzIiwiQ29sb3IiOnsiJGlkIjoiMTg0IiwiQSI6MCwiUiI6MjU1LCJHIjoyNTUsIkIiOjI1NX19LCJJc1Zpc2libGUiOmZhbHNlLCJXaWR0aCI6MC4wLCJIZWlnaHQiOjAuMCwiQm9yZGVyU3R5bGUiOnsiJGlkIjoiMTg1IiwiTGluZUNvbG9yIjpudWxsLCJMaW5lV2VpZ2h0IjowLjAsIkxpbmVUeXBlIjowLCJQYXJlbnRTdHlsZSI6bnVsbH0sIlBhcmVudFN0eWxlIjpudWxsfSwiRGF0ZUZvcm1hdCI6eyIkaWQiOiIx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SIsIkZvcm1hdCI6MCwiSXNWaXNpYmxlIjpmYWxzZSwiTGFzdEtub3duVmlzaWJpbGl0eVN0YXRlIjpmYWxzZX0sIklzVmlzaWJsZSI6dHJ1ZSwiUGFyZW50U3R5bGUiOm51bGwsIl9leHBsaWNpdGx5U2V0Ijp7IiRpZCI6IjI5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AsIlIiOjI1NSwiRyI6MjU1LCJCIjoyNTV9fSwiSXNWaXNpYmxlIjp0cnVlLCJXaWR0aCI6MC4wLCJIZWlnaHQiOjAuMCwiQm9yZGVyU3R5bGUiOm51bGwsIlBhcmVudFN0eWxlIjpudWxsfSwiRGF0ZVN0eWxlIjp7IiRpZCI6IjMxNSIsIkZvbnRTZXR0aW5ncyI6eyIkaWQiOiIzMTYiLCJGb250U2l6ZSI6MTAsIkZvbnROYW1lIjoiU2Vnb2UgVUkiLCJJc0JvbGQiOmZhbHNlLCJJc0l0YWxpYyI6ZmFsc2UsIklzVW5kZXJsaW5lZCI6ZmFsc2UsIlBhcmVudFN0eWxlIjpudWxsfSwiQXV0b1NpemUiOjAsIkZvcmVncm91bmQiOnsiJGlkIjoiMzE3IiwiQ29sb3IiOnsiJGlkIjoiMzE4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MxOSIsIlRvcCI6MC4wLCJMZWZ0IjowLjAsIlJpZ2h0IjowLjAsIkJvdHRvbSI6MC4wfSwiUGFkZGluZyI6eyIkaWQiOiIzMjAiLCJUb3AiOjAuMCwiTGVmdCI6MC4wLCJSaWdodCI6MC4wLCJCb3R0b20iOjAuMH0sIkJhY2tncm91bmQiOnsiJGlkIjoiMzIxIiwiQ29sb3IiOnsiJGlkIjoiMzIyIiwiQSI6MCwiUiI6MjU1LCJHIjoyNTUsIkIiOjI1NX19LCJJc1Zpc2libGUiOnRydWUsIldpZHRoIjowLjAsIkhlaWdodCI6MC4wLCJCb3JkZXJTdHlsZSI6bnVsbCwiUGFyZW50U3R5bGUiOm51bGx9LCJEYXRlRm9ybWF0Ijp7IiRpZCI6IjMy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g5LCJSIjowLCJHIjowLCJCIjowfX0sIklzVmlzaWJsZSI6dHJ1ZSwiV2lkdGgiOjAuMCwiSGVpZ2h0IjowLjAsIkJvcmRlclN0eWxlIjpudWxsLCJQYXJlbnRTdHlsZSI6bnVsbH0sIkRhdGVGb3JtYXQiOnsiJGlkIjoiMzU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5MyIsIlRvcCI6MC4wLCJMZWZ0IjowLjAsIlJpZ2h0IjowLjAsIkJvdHRvbSI6MC4wfSwiUGFkZGluZyI6eyIkaWQiOiIzOTQiLCJUb3AiOjAuMCwiTGVmdCI6MC4wLCJSaWdodCI6MC4wLCJCb3R0b20iOjAuMH0sIkJhY2tncm91bmQiOnsiJGlkIjoiMzk1IiwiQ29sb3IiOnsiJGlkIjoiMzk2IiwiQSI6ODksIlIiOjAsIkciOjAsIkIiOjB9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GlkIjoiND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cmVmIjoiMzk2In19LCJJc1Zpc2libGUiOmZhbHNlLCJXaWR0aCI6MC4wLCJIZWlnaHQiOjAuMCwiQm9yZGVyU3R5bGUiOnsiJGlkIjoiNDMxIiwiTGluZUNvbG9yIjpudWxsLCJMaW5lV2VpZ2h0IjowLjAsIkxpbmVUeXBlIjowLCJQYXJlbnRTdHlsZSI6bnVsbH0sIlBhcmVudFN0eWxlIjpudWxsfSwiRGF0ZUZvcm1hdCI6eyIkaWQiOiI0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NTI3IiwiVG9wIjowLjAsIkxlZnQiOjAuMCwiUmlnaHQiOjAuMCwiQm90dG9tIjowLjB9LCJQYWRkaW5nIjp7IiRpZCI6IjUyOCIsIlRvcCI6MC4wLCJMZWZ0IjowLjAsIlJpZ2h0IjowLjAsIkJvdHRvbSI6MC4wfSwiQmFja2dyb3VuZCI6eyIkaWQiOiI1MjkiLCJDb2xvciI6eyIkaWQiOiI1MzAiLCJBIjowLCJSIjoyNTUsIkciOjI1NSwiQiI6MjU1fX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EwLCJGb250TmFtZSI6IlNlZ29lIFVJIiwiSXNCb2xkIjpmYWxzZSwiSXNJdGFsaWMiOmZhbHNlLCJJc1VuZGVybGluZWQiOmZhbHNlLCJQYXJlbnRTdHlsZSI6bnVsbH0sIkF1dG9TaXplIjoyLCJGb3JlZ3JvdW5kIjp7IiRpZCI6IjUzNCIsIkNvbG9yIjp7IiRpZCI6IjUzNSIsIkEiOjI1NSwiUiI6NTUsIkciOjUzLCJCIjo2OX19LCJNYXhXaWR0aCI6MzAuMCwiTWF4SGVpZ2h0IjoiSW5maW5pdHkiLCJTbWFydEZvcmVncm91bmRJc0FjdGl2ZSI6ZmFsc2UsIkhvcml6b250YWxBbGlnbm1lbnQiOjE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NTU5IiwiVG9wIjowLjAsIkxlZnQiOjAuMCwiUmlnaHQiOjAuMCwiQm90dG9tIjowLjB9LCJQYWRkaW5nIjp7IiRpZCI6IjU2MCIsIlRvcCI6MC4wLCJMZWZ0IjowLjAsIlJpZ2h0IjowLjAsIkJvdHRvbSI6MC4w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mYWxzZSwiV2lkdGgiOjAuMCwiSGVpZ2h0IjowLjAsIkJvcmRlclN0eWxlIjp7IiRpZCI6IjU5NSIsIkxpbmVDb2xvciI6bnVsbCwiTGluZVdlaWdodCI6MC4wLCJMaW5lVHlwZSI6MCwiUGFyZW50U3R5bGUiOm51bGx9LCJQYXJlbnRTdHlsZSI6bnVsbH0sIkRhdGVGb3JtYXQiOnsiJGlkIjoiN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OTEiLCJGb3JtYXQiOjAsIklzVmlzaWJsZSI6ZmFsc2UsIkxhc3RLbm93blZpc2liaWxpdHlTdGF0ZSI6ZmFsc2V9LCJJc1Zpc2libGUiOnRydWUsIlBhcmVudFN0eWxlIjpudWxsLCJfZXhwbGljaXRseVNldCI6eyIkaWQiOiI2OT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1NSIsIkZvcm1hdCI6MCwiSXNWaXNpYmxlIjpmYWxzZSwiTGFzdEtub3duVmlzaWJpbGl0eVN0YXRlIjpmYWxzZX0sIklzVmlzaWJsZSI6dHJ1ZSwiUGFyZW50U3R5bGUiOm51bGwsIl9leHBsaWNpdGx5U2V0Ijp7IiRpZCI6IjEwNT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EwODMiLCJUb3AiOjAuMCwiTGVmdCI6MC4wLCJSaWdodCI6MC4wLCJCb3R0b20iOjAuMH0sIlBhZGRpbmciOnsiJGlkIjoiMTA4NCIsIlRvcCI6MC4wLCJMZWZ0IjowLjAsIlJpZ2h0IjowLjAsIkJvdHRvbSI6MC4wfSwiQmFja2dyb3VuZCI6eyIkaWQiOiIxMDg1IiwiQ29sb3IiOnsiJGlkIjoiMTA4NiIsIkEiOjAsIlIiOjI1NSwiRyI6MjU1LCJCIjoyNTV9fSwiSXNWaXNpYmxlIjp0cnVlLCJXaWR0aCI6MC4wLCJIZWlnaHQiOjAuMCwiQm9yZGVyU3R5bGUiOm51bGwsIlBhcmVudFN0eWxlIjpudWxsfSwiRGF0ZUZvcm1hdCI6eyIkaWQiOiIxMD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EyODkiLCJUb3AiOjAuMCwiTGVmdCI6MC4wLCJSaWdodCI6MC4wLCJCb3R0b20iOjAuMH0sIlBhZGRpbmciOnsiJGlkIjoiMTI5MCIsIlRvcCI6MC4wLCJMZWZ0IjowLjAsIlJpZ2h0IjowLjAsIkJvdHRvbSI6MC4wfSwiQmFja2dyb3VuZCI6eyIkaWQiOiIxMjkxIiwiQ29sb3IiOnsiJGlkIjoiMTI5MiIsIkEiOjAsIlIiOjI1NSwiRyI6MjU1LCJCIjoyNTV9fSwiSXNWaXNpYmxlIjp0cnVlLCJXaWR0aCI6MC4wLCJIZWlnaHQiOjAuMCwiQm9yZGVyU3R5bGUiOm51bGwsIlBhcmVudFN0eWxlIjpudWxsfSwiRGF0ZUZvcm1hdCI6eyIkaWQiOiIxMj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zYiLCJGb3JtYXQiOjAsIklzVmlzaWJsZSI6ZmFsc2UsIkxhc3RLbm93blZpc2liaWxpdHlTdGF0ZSI6ZmFsc2V9LCJJc1Zpc2libGUiOnRydWUsIlBhcmVudFN0eWxlIjpudWxsLCJfZXhwbGljaXRseVNldCI6eyIkaWQiOiIxMzM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mZhbHNlfSxcIkxlZnRFbmRDYXBzU3R5bGVcIjp7XCIkaWRcIjpcIjlcIixcIkZvbnRTZXR0aW5nc1wiOntcIiRpZFwiOlwiMTBcIixcIkZvbnRTaXplXCI6MTgsXCJGb250TmFtZVwiOlwiQ2FsaWJyaVwiLFwiSXNCb2xkXCI6dHJ1ZSxcIklzSXRhbGljXCI6ZmFsc2UsXCJJc1VuZGVybGluZWRcIjpmYWxzZX0sXCJGb3JlZ3JvdW5kXCI6e1wiJGlkXCI6XCIxMVwiLFwiQ29sb3JcIjp7XCIkaWRcIjpcIjEyXCIsXCJBXCI6MjU1LFwiUlwiOjIzNyxcIkdcIjoxMjUsXCJCXCI6NDl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wLFwiR1wiOjAsXCJCXCI6MH19LFwiSXNWaXNpYmxlXCI6dHJ1ZSxcIldpZHRoXCI6MC4wLFwiSGVpZ2h0XCI6MC4wLFwiQm9yZGVyU3R5bGVcIjpudWxsfSxcIlRvZGF5TWFya2VyUG9zaXRpb25cIjozLFwiSXNWaXNpYmxlXCI6dHJ1ZX0sXCJTY2FsZVN0eWxlXCI6e1wiJGlkXCI6XCIyM1wiLFwiU2hvd1NlZ21lbnRTZXBhcmF0b3JzXCI6ZmFsc2UsXCJTZWdtZW50U2VwYXJhdG9yT3BhY2l0eVwiOjMwLFwiU2hhcGVcIjoz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My4wLFwiTGVmdFwiOjAuMCxcIlJpZ2h0XCI6MC4wLFwiQm90dG9tXCI6My4wfSxcIkJhY2tncm91bmRcIjp7XCIkaWRcIjpcIjMxXCIsXCJDb2xvclwiOntcIiRpZFwiOlwiMzJcIixcIkFcIjoyNTUsXCJSXCI6NTUsXCJHXCI6NTMsXCJCXCI6Njl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wNixcIkdcIjoyMTksXCJCXCI6MjMwfX0sXCJFbGFwc2VkVGltZUZvcm1hdFwiOjEsXCJJc1Zpc2libGVcIjp0cnV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0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OCxcIkdcIjoyMzYsXCJCXCI6MjI1fX0sXCJIb3Jpem9udGFsQWxpZ25tZW50XCI6MSxcIklzVmlzaWJsZVwiOnRydW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NDMsXCJHXCI6MjM1LFwiQlwiOjIzNX19LFwiTGluZVdlaWdodFwiOjEuMCxcIkxpbmVUeXBlXCI6MH0sXCJJc1Zpc2libGVcIjp0cnVlfSxcIk1hcmdpblwiOntcIiRpZFwiOlwiNjRcIixcIlRvcFwiOjAuMCxcIkxlZnRcIjowLjAsXCJSaWdodFwiOjAuMCxcIkJvdHRvbVwiOjAuMH0sXCJTdGFydERhdGVQb3NpdGlvblwiOjMsXCJFbmREYXRlUG9zaXRpb25cIjo0LFwiVGl0bGVQb3NpdGlvblwiOjEsXCJEdXJhdGlvblBvc2l0aW9uXCI6MCxcIlBlcmNlbnRhZ2VDb21wbGV0ZWRQb3NpdGlvblwiOjIsXCJTcGFjaW5nXCI6MyxcIklzQmVsb3dUaW1lYmFuZFwiOnRydW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EyNyxcIlJcIjo1MixcIkdcIjoxNDgsXCJCXCI6MTg2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TEsXCJJc0JlbG93VGltZWJhbmRcIjpmYWxzZSxcIlNoYXBlU2l6ZVwiOjEsXCJQYWRkaW5nXCI6e1wiJGlkXCI6XCI4NVwiLFwiVG9wXCI6MTAuMCxcIkxlZnRcIjozLjAsXCJSaWdodFwiOjAuMCxcIkJvdHRvbVwiOjA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A0XCIsXCJGb3JtYXRcIjowLFwiSXNWaXNpYmxlXCI6ZmFsc2UsXCJMYXN0S25vd25WaXNpYmlsaXR5U3RhdGVcIjpmYWxzZX19LFwiTW90U3R5bGVcIjp7XCIkaWRcIjpcIjEwNVwiLFwiU2hhcGVcIjoxMSxcIlNoYXBlU2l6ZVwiOjEsXCJEZXRhaWxzU3BhY2luZ1wiOjIuMCxcIlBhZGRpbmdcIjp7XCIkaWRcIjpcIjEwNlwiLFwiVG9wXCI6MTAuMCxcIkxlZnRcIjozLjAsXCJSaWdodFwiOjAuMCxcIkJvdHRvbVwiOjA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zMixcIkdcIjoxNzIsXCJCXCI6MTgy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TI3LFwiUlwiOjUyLFwiR1wiOjE0OCxcIkJcIjoxODZ9fSxcIklzVmlzaWJsZVwiOnRydWUsXCJXaWR0aFwiOjAuMCxcIkhlaWdodFwiOjAuMCxcIkJvcmRlclN0eWxlXCI6e1wiJGlkXCI6XCIxMzdcIixcIkxpbmVTdHlsZVwiOntcIiRpZFwiOlwiMTM4XCIsXCJMaW5lQ29sb3JcIjp7XCIkaWRcIjpcIjEzOVwiLFwiQ29sb3JcIjp7XCIkaWRcIjpcIjE0MFwiLFwiQVwiOjI1NSxcIlJcIjoyNTUsXCJHXCI6MjU1LFwiQlwiOjI1NX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M4LFwiUlwiOjUyLFwiR1wiOjE0OCxcIkJcIjoxODZ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c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TI3LFwiUlwiOjg4LFwiR1wiOjE4MixcIkJcIjoxOTJ9fSxcIklzVmlzaWJsZVwiOmZhbHNlLFwiV2lkdGhcIjowLjAsXCJIZWlnaHRcIjowLjAsXCJCb3JkZXJTdHlsZVwiOntcIiRpZFwiOlwiMjU4XCIsXCJMaW5lU3R5bGVcIjp7XCIkaWRcIjpcIjI1OVwiLFwiTGluZUNvbG9yXCI6e1wiJGlkXCI6XCIyNjBcIixcIkNvbG9yXCI6e1wiJGlkXCI6XCIyNjFcIixcIkFcIjoyNTUsXCJSXCI6MjU1LFwiR1wiOjI1NSxcIkJcIjoyNTV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zOCxcIlJcIjo4OCxcIkdcIjoxODIsXCJCXCI6MTky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4OCxcIkdcIjoxODIsXCJCXCI6MTkyfX0sXCJJc1Zpc2libGVcIjp0cnVlLFwiV2lkdGhcIjowLjAsXCJIZWlnaHRcIjowLjAsXCJCb3JkZXJTdHlsZVwiOntcIiRpZFwiOlwiMjgyXCIsXCJMaW5lU3R5bGVcIjp7XCIkaWRcIjpcIjI4M1wiLFwiTGluZUNvbG9yXCI6e1wiJGlkXCI6XCIyODRcIixcIkNvbG9yXCI6e1wiJGlkXCI6XCIyODVcIixcIkFcIjoyNTUsXCJSXCI6MjU1LFwiR1wiOjAsXCJCXCI6MH19LFwiTGluZVdlaWdodFwiOjAuMCxcIkxpbmVUeXBlXCI6MH0sXCJJc1Zpc2libGVcIjpmYWxzZX19fSxcIkJhY2tncm91bmRTdHlsZVwiOntcIiRpZFwiOlwiMjg2XCI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M4LFwiUlwiOjg4LFwiR1wiOjE4MixcIkJcIjoxOTJ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3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c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QsXCJUaXRsZVBvc2l0aW9uXCI6MSxcIkR1cmF0aW9uUG9zaXRpb25cIjowLFwiUGVyY2VudGFnZUNvbXBsZXRlZFBvc2l0aW9uXCI6Mi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xOTIsXCJHXCI6ODAsXCJCXCI6Nzd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6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ENDDATE" val="2029-10-16T23:59:00.0000000"/>
  <p:tag name="OTLTIMEBANDSTARTDATE" val="2024-06-22T00:00:00.00000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5-09-01T00:00:00.0000000Z"/>
  <p:tag name="OTLENDDATE" val="2027-05-24T23:59:00.0000000Z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3"/>
  <p:tag name="OTLSHAPETHICKNESSTYPE" val="Thin"/>
  <p:tag name="OTLWEEKNUMBERINGFORMAT" val="WNFormat1"/>
  <p:tag name="OTLWEEKNUMBERINGISVISIBLE" val="False"/>
  <p:tag name="OTLSTARTDATE" val="2027-12-18T00:00:00.0000000Z"/>
  <p:tag name="OTLENDDATE" val="2029-10-13T23:59:00.0000000Z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7-24T00:00:00.0000000Z"/>
  <p:tag name="OTLENDDATE" val="2028-06-15T23:59:00.0000000Z"/>
  <p:tag name="OTLDURATIONFORMAT" val="wk"/>
  <p:tag name="OTLSPACING" val="3"/>
  <p:tag name="OTLSHAPETHICKNESSTYPE" val="Thi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7-05-27T23:59:00.0000000"/>
  <p:tag name="OTLMTITLE" val="&#10;End of Phase 1 Review&#10;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9-10-16T23:59:00.0000000"/>
  <p:tag name="OTLMTITLE" val="&#10;End of Phase 3 Review&#10;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OSITIONONTASK" val="None"/>
  <p:tag name="OTLRELATEDTASKID" val="00000000-0000-0000-0000-000000000000"/>
  <p:tag name="OTLWEEKNUMBERINGFORMAT" val="WNFormat1"/>
  <p:tag name="OTLWEEKNUMBERINGISVISIBLE" val="False"/>
  <p:tag name="OTLDATE" val="2028-06-18T23:59:00.0000000"/>
  <p:tag name="OTLMTITLE" val="&#10;End of Phase 2 Review&#10;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6-03-08T23:59:00.0000000"/>
  <p:tag name="OTLPOSITIONONTASK" val="Center"/>
  <p:tag name="OTLRELATEDTASKID" val="aee3641a-3f14-4ee8-b5ff-c656896883d8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7-01-08T23:59:00.0000000"/>
  <p:tag name="OTLPOSITIONONTASK" val="Center"/>
  <p:tag name="OTLRELATEDTASKID" val="aee3641a-3f14-4ee8-b5ff-c656896883d8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6-12-31T23:59:00.0000000"/>
  <p:tag name="OTLPOSITIONONTASK" val="Center"/>
  <p:tag name="OTLRELATEDTASKID" val="cccc638b-6c8b-4834-8d74-569408b133e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08-03T23:59:00.0000000"/>
  <p:tag name="OTLPOSITIONONTASK" val="Center"/>
  <p:tag name="OTLRELATEDTASKID" val="cccc638b-6c8b-4834-8d74-569408b133e2"/>
  <p:tag name="OTLMTITLE" val="&#10;Milestone 4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8-02-17T23:59:00.0000000"/>
  <p:tag name="OTLPOSITIONONTASK" val="Center"/>
  <p:tag name="OTLRELATEDTASKID" val="cccc638b-6c8b-4834-8d74-569408b133e2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8-08-06T23:59:00.0000000"/>
  <p:tag name="OTLPOSITIONONTASK" val="Center"/>
  <p:tag name="OTLRELATEDTASKID" val="fc9e47ad-538d-42c5-b617-73975ad5ce7a"/>
  <p:tag name="OTLMTITLE" val="&#10;Milestone 6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9-05-30T23:59:00.0000000"/>
  <p:tag name="OTLPOSITIONONTASK" val="Center"/>
  <p:tag name="OTLRELATEDTASKID" val="fc9e47ad-538d-42c5-b617-73975ad5ce7a"/>
  <p:tag name="OTLMTITLE" val="&#10;Milestone 7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 Green">
      <a:dk1>
        <a:sysClr val="windowText" lastClr="000000"/>
      </a:dk1>
      <a:lt1>
        <a:sysClr val="window" lastClr="FFFFFF"/>
      </a:lt1>
      <a:dk2>
        <a:srgbClr val="373545"/>
      </a:dk2>
      <a:lt2>
        <a:srgbClr val="CEDBE6"/>
      </a:lt2>
      <a:accent1>
        <a:srgbClr val="3494BA"/>
      </a:accent1>
      <a:accent2>
        <a:srgbClr val="58B6C0"/>
      </a:accent2>
      <a:accent3>
        <a:srgbClr val="75BDA7"/>
      </a:accent3>
      <a:accent4>
        <a:srgbClr val="7A8C8E"/>
      </a:accent4>
      <a:accent5>
        <a:srgbClr val="84ACB6"/>
      </a:accent5>
      <a:accent6>
        <a:srgbClr val="2683C6"/>
      </a:accent6>
      <a:hlink>
        <a:srgbClr val="6B9F25"/>
      </a:hlink>
      <a:folHlink>
        <a:srgbClr val="9F6715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7</Words>
  <Application>Microsoft Office PowerPoint</Application>
  <PresentationFormat>Widescreen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rial</vt:lpstr>
      <vt:lpstr>Calibri</vt:lpstr>
      <vt:lpstr>Calibri Light</vt:lpstr>
      <vt:lpstr>Montserrat</vt:lpstr>
      <vt:lpstr>Montserrat SemiBold</vt:lpstr>
      <vt:lpstr>Open Sans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1-28T12:51:24Z</dcterms:created>
  <dcterms:modified xsi:type="dcterms:W3CDTF">2024-10-17T09:10:15Z</dcterms:modified>
</cp:coreProperties>
</file>